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ver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21D4DBD-2159-106C-D6F9-527099849F8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1840" y="4904246"/>
            <a:ext cx="1284455" cy="176484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367698FD-A255-38E3-FC97-FD0446D8A0F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5328" y="3546499"/>
            <a:ext cx="1284455" cy="176484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17T11:57:30Z</dcterms:modified>
</cp:coreProperties>
</file>